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5. Gazový set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6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3" i="3" l="1"/>
  <c r="L9" i="3" l="1"/>
  <c r="M9" i="3" s="1"/>
  <c r="L10" i="3"/>
  <c r="M10" i="3" s="1"/>
  <c r="L11" i="3"/>
  <c r="M11" i="3"/>
  <c r="L12" i="3"/>
  <c r="M12" i="3"/>
  <c r="L8" i="3"/>
  <c r="M8" i="3" s="1"/>
  <c r="K9" i="3"/>
  <c r="K10" i="3"/>
  <c r="K11" i="3"/>
  <c r="K12" i="3"/>
  <c r="K8" i="3"/>
  <c r="M13" i="3" l="1"/>
  <c r="L13" i="3"/>
</calcChain>
</file>

<file path=xl/sharedStrings.xml><?xml version="1.0" encoding="utf-8"?>
<sst xmlns="http://schemas.openxmlformats.org/spreadsheetml/2006/main" count="199" uniqueCount="69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5</t>
  </si>
  <si>
    <t>2</t>
  </si>
  <si>
    <t>3</t>
  </si>
  <si>
    <t>4</t>
  </si>
  <si>
    <t xml:space="preserve">Jednotková cena v EUR </t>
  </si>
  <si>
    <t>Celková cena
za predpokladané množstvo MJ v EUR</t>
  </si>
  <si>
    <t xml:space="preserve">Predpokladané množstvo MJ na obdobie 24 mes. </t>
  </si>
  <si>
    <t xml:space="preserve">Predpokladané množstvo MJ na obdobie 24 mes.  </t>
  </si>
  <si>
    <t>SPOLU:</t>
  </si>
  <si>
    <t>Gázový set - Sušenie č. 1</t>
  </si>
  <si>
    <t>Gázový set - Sušenie č. 2</t>
  </si>
  <si>
    <t>Gázový set - Sušenie č. 3</t>
  </si>
  <si>
    <t>Gázový set - Sušenie č. 4</t>
  </si>
  <si>
    <t>Gázový set - Sušenie č. 5</t>
  </si>
  <si>
    <t>Sortiment položky č. 1 - Gázový set - Sušenie č. 1</t>
  </si>
  <si>
    <t>Sortiment položky č. 2 - Gázový set - Sušenie č. 2</t>
  </si>
  <si>
    <t>Sortiment položky č. 3 - Gázový set - Sušenie č. 3</t>
  </si>
  <si>
    <t>Sortiment položky č. 4 - Gázový set - Sušenie č. 4</t>
  </si>
  <si>
    <t>Sortiment položky č. 5 - Gázový set - Sušenie č. 5</t>
  </si>
  <si>
    <t>280</t>
  </si>
  <si>
    <t>670</t>
  </si>
  <si>
    <t>Gázový set</t>
  </si>
  <si>
    <t>Kalkulácia ceny - Štruktúrovaný rozpočet ce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6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164" fontId="2" fillId="5" borderId="22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5" xfId="0" applyFont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164" fontId="2" fillId="0" borderId="47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3" fontId="4" fillId="4" borderId="18" xfId="0" applyNumberFormat="1" applyFont="1" applyFill="1" applyBorder="1" applyAlignment="1">
      <alignment horizontal="center" vertical="center" wrapText="1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top" wrapText="1"/>
      <protection locked="0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3" fontId="4" fillId="4" borderId="0" xfId="0" applyNumberFormat="1" applyFont="1" applyFill="1" applyBorder="1" applyAlignment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8" xfId="0" applyFont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0" borderId="44" xfId="0" applyFont="1" applyBorder="1" applyAlignment="1" applyProtection="1">
      <alignment horizontal="left" vertical="center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49" fontId="18" fillId="0" borderId="22" xfId="0" applyNumberFormat="1" applyFont="1" applyBorder="1" applyAlignment="1">
      <alignment horizontal="center" vertical="top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71"/>
  <sheetViews>
    <sheetView showGridLines="0" tabSelected="1" zoomScale="80" zoomScaleNormal="80" workbookViewId="0">
      <selection activeCell="S12" sqref="S12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22" s="37" customFormat="1" ht="20.100000000000001" customHeight="1" x14ac:dyDescent="0.2">
      <c r="A1" s="149" t="s">
        <v>24</v>
      </c>
      <c r="B1" s="149"/>
      <c r="C1" s="149"/>
      <c r="D1" s="149"/>
      <c r="E1" s="149"/>
      <c r="F1" s="149"/>
      <c r="G1" s="149"/>
      <c r="H1" s="149"/>
      <c r="I1" s="149"/>
      <c r="J1" s="149"/>
      <c r="K1" s="149"/>
      <c r="L1" s="149"/>
      <c r="M1" s="149"/>
      <c r="N1" s="5"/>
      <c r="O1" s="5"/>
      <c r="P1" s="5"/>
      <c r="Q1" s="5"/>
      <c r="R1" s="5"/>
      <c r="S1" s="5"/>
      <c r="T1" s="5"/>
      <c r="U1" s="5"/>
      <c r="V1" s="36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50" t="s">
        <v>67</v>
      </c>
      <c r="B3" s="150"/>
      <c r="C3" s="150"/>
      <c r="D3" s="150"/>
      <c r="E3" s="150"/>
      <c r="F3" s="150"/>
      <c r="G3" s="150"/>
      <c r="H3" s="150"/>
      <c r="I3" s="150"/>
      <c r="J3" s="150"/>
      <c r="K3" s="150"/>
      <c r="L3" s="150"/>
    </row>
    <row r="4" spans="1:22" ht="48" customHeight="1" x14ac:dyDescent="0.2">
      <c r="A4" s="158" t="s">
        <v>68</v>
      </c>
      <c r="B4" s="158"/>
      <c r="C4" s="158"/>
      <c r="D4" s="158"/>
      <c r="E4" s="158"/>
      <c r="F4" s="158"/>
      <c r="G4" s="158"/>
      <c r="H4" s="158"/>
      <c r="I4" s="158"/>
      <c r="J4" s="158"/>
      <c r="K4" s="158"/>
      <c r="L4" s="158"/>
      <c r="M4" s="158"/>
    </row>
    <row r="5" spans="1:22" s="43" customFormat="1" ht="40.5" customHeight="1" x14ac:dyDescent="0.25">
      <c r="A5" s="151" t="s">
        <v>25</v>
      </c>
      <c r="B5" s="156" t="s">
        <v>26</v>
      </c>
      <c r="C5" s="151" t="s">
        <v>43</v>
      </c>
      <c r="D5" s="154" t="s">
        <v>52</v>
      </c>
      <c r="E5" s="147" t="s">
        <v>30</v>
      </c>
      <c r="F5" s="147" t="s">
        <v>31</v>
      </c>
      <c r="G5" s="147" t="s">
        <v>32</v>
      </c>
      <c r="H5" s="81" t="s">
        <v>33</v>
      </c>
      <c r="I5" s="134" t="s">
        <v>50</v>
      </c>
      <c r="J5" s="135"/>
      <c r="K5" s="135"/>
      <c r="L5" s="134" t="s">
        <v>51</v>
      </c>
      <c r="M5" s="136"/>
      <c r="O5" s="49"/>
      <c r="P5" s="49"/>
    </row>
    <row r="6" spans="1:22" s="43" customFormat="1" ht="33" customHeight="1" x14ac:dyDescent="0.25">
      <c r="A6" s="152"/>
      <c r="B6" s="157"/>
      <c r="C6" s="152"/>
      <c r="D6" s="155"/>
      <c r="E6" s="148"/>
      <c r="F6" s="148"/>
      <c r="G6" s="148"/>
      <c r="H6" s="82"/>
      <c r="I6" s="83" t="s">
        <v>27</v>
      </c>
      <c r="J6" s="84" t="s">
        <v>34</v>
      </c>
      <c r="K6" s="85" t="s">
        <v>29</v>
      </c>
      <c r="L6" s="86" t="s">
        <v>27</v>
      </c>
      <c r="M6" s="87" t="s">
        <v>29</v>
      </c>
      <c r="O6" s="49"/>
      <c r="P6" s="49"/>
    </row>
    <row r="7" spans="1:22" s="44" customFormat="1" ht="14.1" customHeight="1" x14ac:dyDescent="0.25">
      <c r="A7" s="52" t="s">
        <v>0</v>
      </c>
      <c r="B7" s="52" t="s">
        <v>12</v>
      </c>
      <c r="C7" s="52" t="s">
        <v>13</v>
      </c>
      <c r="D7" s="52" t="s">
        <v>14</v>
      </c>
      <c r="E7" s="52" t="s">
        <v>15</v>
      </c>
      <c r="F7" s="52" t="s">
        <v>16</v>
      </c>
      <c r="G7" s="52" t="s">
        <v>17</v>
      </c>
      <c r="H7" s="52" t="s">
        <v>18</v>
      </c>
      <c r="I7" s="52" t="s">
        <v>19</v>
      </c>
      <c r="J7" s="52" t="s">
        <v>35</v>
      </c>
      <c r="K7" s="52" t="s">
        <v>36</v>
      </c>
      <c r="L7" s="52" t="s">
        <v>37</v>
      </c>
      <c r="M7" s="52" t="s">
        <v>38</v>
      </c>
      <c r="O7" s="53"/>
      <c r="P7" s="53"/>
    </row>
    <row r="8" spans="1:22" s="45" customFormat="1" ht="39.75" customHeight="1" x14ac:dyDescent="0.25">
      <c r="A8" s="54" t="s">
        <v>0</v>
      </c>
      <c r="B8" s="55" t="s">
        <v>55</v>
      </c>
      <c r="C8" s="54" t="s">
        <v>45</v>
      </c>
      <c r="D8" s="118">
        <v>1504.8000000000002</v>
      </c>
      <c r="E8" s="56"/>
      <c r="F8" s="56"/>
      <c r="G8" s="56"/>
      <c r="H8" s="57"/>
      <c r="I8" s="58"/>
      <c r="J8" s="59"/>
      <c r="K8" s="60">
        <f>I8*1.2</f>
        <v>0</v>
      </c>
      <c r="L8" s="61">
        <f>D8*I8</f>
        <v>0</v>
      </c>
      <c r="M8" s="62">
        <f>L8*1.2</f>
        <v>0</v>
      </c>
      <c r="O8" s="53"/>
      <c r="P8" s="53"/>
    </row>
    <row r="9" spans="1:22" s="45" customFormat="1" ht="39.75" customHeight="1" x14ac:dyDescent="0.25">
      <c r="A9" s="54" t="s">
        <v>47</v>
      </c>
      <c r="B9" s="55" t="s">
        <v>56</v>
      </c>
      <c r="C9" s="54" t="s">
        <v>45</v>
      </c>
      <c r="D9" s="118">
        <v>280</v>
      </c>
      <c r="E9" s="56"/>
      <c r="F9" s="56"/>
      <c r="G9" s="56"/>
      <c r="H9" s="57"/>
      <c r="I9" s="58"/>
      <c r="J9" s="59"/>
      <c r="K9" s="60">
        <f t="shared" ref="K9:K12" si="0">I9*1.2</f>
        <v>0</v>
      </c>
      <c r="L9" s="61">
        <f t="shared" ref="L9:L12" si="1">D9*I9</f>
        <v>0</v>
      </c>
      <c r="M9" s="62">
        <f t="shared" ref="M9:M12" si="2">L9*1.2</f>
        <v>0</v>
      </c>
      <c r="O9" s="53"/>
      <c r="P9" s="53"/>
    </row>
    <row r="10" spans="1:22" s="45" customFormat="1" ht="39.75" customHeight="1" x14ac:dyDescent="0.25">
      <c r="A10" s="54" t="s">
        <v>48</v>
      </c>
      <c r="B10" s="55" t="s">
        <v>57</v>
      </c>
      <c r="C10" s="54" t="s">
        <v>45</v>
      </c>
      <c r="D10" s="118">
        <v>790</v>
      </c>
      <c r="E10" s="56"/>
      <c r="F10" s="56"/>
      <c r="G10" s="56"/>
      <c r="H10" s="57"/>
      <c r="I10" s="58"/>
      <c r="J10" s="59"/>
      <c r="K10" s="60">
        <f t="shared" si="0"/>
        <v>0</v>
      </c>
      <c r="L10" s="61">
        <f t="shared" si="1"/>
        <v>0</v>
      </c>
      <c r="M10" s="62">
        <f t="shared" si="2"/>
        <v>0</v>
      </c>
      <c r="O10" s="53"/>
      <c r="P10" s="53"/>
    </row>
    <row r="11" spans="1:22" s="45" customFormat="1" ht="39.75" customHeight="1" x14ac:dyDescent="0.25">
      <c r="A11" s="54" t="s">
        <v>49</v>
      </c>
      <c r="B11" s="55" t="s">
        <v>58</v>
      </c>
      <c r="C11" s="54" t="s">
        <v>45</v>
      </c>
      <c r="D11" s="118">
        <v>1700</v>
      </c>
      <c r="E11" s="56"/>
      <c r="F11" s="56"/>
      <c r="G11" s="56"/>
      <c r="H11" s="57"/>
      <c r="I11" s="58"/>
      <c r="J11" s="59"/>
      <c r="K11" s="60">
        <f t="shared" si="0"/>
        <v>0</v>
      </c>
      <c r="L11" s="61">
        <f t="shared" si="1"/>
        <v>0</v>
      </c>
      <c r="M11" s="62">
        <f t="shared" si="2"/>
        <v>0</v>
      </c>
      <c r="O11" s="53"/>
      <c r="P11" s="53"/>
    </row>
    <row r="12" spans="1:22" s="45" customFormat="1" ht="39.75" customHeight="1" thickBot="1" x14ac:dyDescent="0.3">
      <c r="A12" s="54" t="s">
        <v>46</v>
      </c>
      <c r="B12" s="55" t="s">
        <v>59</v>
      </c>
      <c r="C12" s="54" t="s">
        <v>45</v>
      </c>
      <c r="D12" s="118">
        <v>670</v>
      </c>
      <c r="E12" s="56"/>
      <c r="F12" s="56"/>
      <c r="G12" s="56"/>
      <c r="H12" s="57"/>
      <c r="I12" s="58"/>
      <c r="J12" s="59"/>
      <c r="K12" s="60">
        <f t="shared" si="0"/>
        <v>0</v>
      </c>
      <c r="L12" s="61">
        <f t="shared" si="1"/>
        <v>0</v>
      </c>
      <c r="M12" s="62">
        <f t="shared" si="2"/>
        <v>0</v>
      </c>
      <c r="O12" s="53"/>
      <c r="P12" s="53"/>
    </row>
    <row r="13" spans="1:22" s="46" customFormat="1" ht="33" customHeight="1" thickBot="1" x14ac:dyDescent="0.3">
      <c r="A13" s="153" t="s">
        <v>54</v>
      </c>
      <c r="B13" s="153"/>
      <c r="C13" s="63"/>
      <c r="D13" s="122">
        <f>SUM(D8:D12)</f>
        <v>4944.8</v>
      </c>
      <c r="E13" s="64"/>
      <c r="F13" s="64"/>
      <c r="G13" s="64"/>
      <c r="H13" s="64"/>
      <c r="I13" s="63"/>
      <c r="J13" s="63"/>
      <c r="K13" s="114"/>
      <c r="L13" s="100">
        <f>SUM(L8:L12)</f>
        <v>0</v>
      </c>
      <c r="M13" s="101">
        <f>SUM(M8:M12)</f>
        <v>0</v>
      </c>
      <c r="O13" s="65"/>
      <c r="P13" s="65"/>
    </row>
    <row r="14" spans="1:22" s="47" customFormat="1" ht="29.25" customHeight="1" x14ac:dyDescent="0.25">
      <c r="A14" s="127" t="s">
        <v>60</v>
      </c>
      <c r="B14" s="127"/>
      <c r="C14" s="127"/>
      <c r="D14" s="127"/>
      <c r="E14" s="127"/>
      <c r="F14" s="127"/>
      <c r="G14" s="127"/>
      <c r="H14" s="127"/>
      <c r="I14" s="127"/>
      <c r="J14" s="127"/>
      <c r="K14" s="127"/>
      <c r="L14" s="66"/>
      <c r="M14" s="66"/>
      <c r="N14" s="66"/>
      <c r="O14" s="66"/>
      <c r="P14" s="66"/>
    </row>
    <row r="15" spans="1:22" s="38" customFormat="1" ht="33" customHeight="1" x14ac:dyDescent="0.25">
      <c r="A15" s="128" t="s">
        <v>25</v>
      </c>
      <c r="B15" s="128" t="s">
        <v>39</v>
      </c>
      <c r="C15" s="128" t="s">
        <v>40</v>
      </c>
      <c r="D15" s="128" t="s">
        <v>31</v>
      </c>
      <c r="E15" s="128" t="s">
        <v>33</v>
      </c>
      <c r="F15" s="128" t="s">
        <v>41</v>
      </c>
      <c r="G15" s="128" t="s">
        <v>42</v>
      </c>
      <c r="H15" s="130" t="s">
        <v>44</v>
      </c>
      <c r="I15" s="131"/>
      <c r="J15" s="131"/>
      <c r="K15" s="132" t="s">
        <v>53</v>
      </c>
      <c r="L15" s="123"/>
      <c r="M15" s="123"/>
      <c r="N15" s="49"/>
      <c r="O15" s="49"/>
      <c r="P15" s="49"/>
    </row>
    <row r="16" spans="1:22" s="38" customFormat="1" ht="22.5" customHeight="1" x14ac:dyDescent="0.25">
      <c r="A16" s="129"/>
      <c r="B16" s="129"/>
      <c r="C16" s="129"/>
      <c r="D16" s="129"/>
      <c r="E16" s="129"/>
      <c r="F16" s="129"/>
      <c r="G16" s="129"/>
      <c r="H16" s="50" t="s">
        <v>27</v>
      </c>
      <c r="I16" s="51" t="s">
        <v>28</v>
      </c>
      <c r="J16" s="95" t="s">
        <v>29</v>
      </c>
      <c r="K16" s="133"/>
      <c r="L16" s="97"/>
      <c r="M16" s="97"/>
      <c r="N16" s="49"/>
      <c r="O16" s="49"/>
      <c r="P16" s="49"/>
    </row>
    <row r="17" spans="1:62" s="39" customFormat="1" ht="14.1" customHeight="1" x14ac:dyDescent="0.25">
      <c r="A17" s="91" t="s">
        <v>0</v>
      </c>
      <c r="B17" s="67" t="s">
        <v>12</v>
      </c>
      <c r="C17" s="67" t="s">
        <v>13</v>
      </c>
      <c r="D17" s="121" t="s">
        <v>14</v>
      </c>
      <c r="E17" s="120" t="s">
        <v>15</v>
      </c>
      <c r="F17" s="68" t="s">
        <v>16</v>
      </c>
      <c r="G17" s="52" t="s">
        <v>17</v>
      </c>
      <c r="H17" s="69" t="s">
        <v>18</v>
      </c>
      <c r="I17" s="70" t="s">
        <v>19</v>
      </c>
      <c r="J17" s="96" t="s">
        <v>35</v>
      </c>
      <c r="K17" s="99" t="s">
        <v>36</v>
      </c>
      <c r="L17" s="119"/>
      <c r="M17" s="119"/>
      <c r="N17" s="71"/>
      <c r="O17" s="71"/>
      <c r="P17" s="71"/>
      <c r="Q17" s="48"/>
      <c r="R17" s="48"/>
      <c r="S17" s="48"/>
      <c r="T17" s="48"/>
      <c r="U17" s="48"/>
      <c r="V17" s="48"/>
      <c r="W17" s="48"/>
      <c r="X17" s="48"/>
      <c r="Y17" s="48"/>
      <c r="Z17" s="48"/>
      <c r="AA17" s="48"/>
      <c r="AB17" s="48"/>
      <c r="AC17" s="48"/>
      <c r="AD17" s="48"/>
      <c r="AE17" s="48"/>
      <c r="AF17" s="48"/>
      <c r="AG17" s="48"/>
      <c r="AH17" s="48"/>
      <c r="AI17" s="48"/>
      <c r="AJ17" s="48"/>
      <c r="AK17" s="48"/>
      <c r="AL17" s="48"/>
      <c r="AM17" s="48"/>
      <c r="AN17" s="48"/>
      <c r="AO17" s="48"/>
      <c r="AP17" s="48"/>
      <c r="AQ17" s="48"/>
      <c r="AR17" s="48"/>
      <c r="AS17" s="48"/>
      <c r="AT17" s="48"/>
      <c r="AU17" s="48"/>
      <c r="AV17" s="48"/>
      <c r="AW17" s="48"/>
      <c r="AX17" s="48"/>
      <c r="AY17" s="48"/>
      <c r="AZ17" s="48"/>
      <c r="BA17" s="48"/>
      <c r="BB17" s="48"/>
      <c r="BC17" s="48"/>
      <c r="BD17" s="48"/>
      <c r="BE17" s="48"/>
      <c r="BF17" s="48"/>
      <c r="BG17" s="48"/>
      <c r="BH17" s="48"/>
      <c r="BI17" s="48"/>
      <c r="BJ17" s="48"/>
    </row>
    <row r="18" spans="1:62" s="40" customFormat="1" ht="33" customHeight="1" x14ac:dyDescent="0.25">
      <c r="A18" s="90" t="s">
        <v>0</v>
      </c>
      <c r="B18" s="72"/>
      <c r="C18" s="73"/>
      <c r="D18" s="88"/>
      <c r="E18" s="88"/>
      <c r="F18" s="88"/>
      <c r="G18" s="88"/>
      <c r="H18" s="104"/>
      <c r="I18" s="106"/>
      <c r="J18" s="105"/>
      <c r="K18" s="124">
        <v>1505</v>
      </c>
      <c r="L18" s="98"/>
      <c r="M18" s="98"/>
      <c r="N18" s="53"/>
      <c r="O18" s="53"/>
      <c r="P18" s="53"/>
    </row>
    <row r="19" spans="1:62" s="40" customFormat="1" ht="33" customHeight="1" x14ac:dyDescent="0.25">
      <c r="A19" s="89" t="s">
        <v>12</v>
      </c>
      <c r="B19" s="74"/>
      <c r="C19" s="75"/>
      <c r="D19" s="89"/>
      <c r="E19" s="89"/>
      <c r="F19" s="89"/>
      <c r="G19" s="90"/>
      <c r="H19" s="104"/>
      <c r="I19" s="106"/>
      <c r="J19" s="105"/>
      <c r="K19" s="125"/>
      <c r="L19" s="98"/>
      <c r="M19" s="98"/>
      <c r="N19" s="53"/>
      <c r="O19" s="53"/>
      <c r="P19" s="53"/>
    </row>
    <row r="20" spans="1:62" s="40" customFormat="1" ht="33" customHeight="1" x14ac:dyDescent="0.25">
      <c r="A20" s="92" t="s">
        <v>13</v>
      </c>
      <c r="B20" s="93"/>
      <c r="C20" s="94"/>
      <c r="D20" s="92"/>
      <c r="E20" s="92"/>
      <c r="F20" s="92"/>
      <c r="G20" s="92"/>
      <c r="H20" s="107"/>
      <c r="I20" s="108"/>
      <c r="J20" s="110"/>
      <c r="K20" s="126"/>
      <c r="L20" s="98"/>
      <c r="M20" s="98"/>
      <c r="N20" s="53"/>
      <c r="O20" s="53"/>
      <c r="P20" s="53"/>
    </row>
    <row r="21" spans="1:62" s="40" customFormat="1" ht="14.25" customHeight="1" x14ac:dyDescent="0.25">
      <c r="A21" s="76"/>
      <c r="B21" s="77"/>
      <c r="C21" s="77"/>
      <c r="D21" s="76"/>
      <c r="E21" s="76"/>
      <c r="F21" s="76"/>
      <c r="G21" s="76"/>
      <c r="H21" s="78"/>
      <c r="I21" s="109"/>
      <c r="J21" s="111"/>
      <c r="K21" s="102"/>
      <c r="L21" s="98"/>
      <c r="M21" s="98"/>
      <c r="N21" s="53"/>
      <c r="O21" s="53"/>
      <c r="P21" s="53"/>
    </row>
    <row r="22" spans="1:62" s="47" customFormat="1" ht="29.25" customHeight="1" x14ac:dyDescent="0.25">
      <c r="A22" s="127" t="s">
        <v>61</v>
      </c>
      <c r="B22" s="127"/>
      <c r="C22" s="127"/>
      <c r="D22" s="127"/>
      <c r="E22" s="127"/>
      <c r="F22" s="127"/>
      <c r="G22" s="127"/>
      <c r="H22" s="127"/>
      <c r="I22" s="127"/>
      <c r="J22" s="127"/>
      <c r="K22" s="127"/>
      <c r="L22" s="66"/>
      <c r="M22" s="66"/>
      <c r="N22" s="66"/>
      <c r="O22" s="66"/>
      <c r="P22" s="66"/>
    </row>
    <row r="23" spans="1:62" s="38" customFormat="1" ht="33" customHeight="1" x14ac:dyDescent="0.25">
      <c r="A23" s="128" t="s">
        <v>25</v>
      </c>
      <c r="B23" s="128" t="s">
        <v>39</v>
      </c>
      <c r="C23" s="128" t="s">
        <v>40</v>
      </c>
      <c r="D23" s="128" t="s">
        <v>31</v>
      </c>
      <c r="E23" s="128" t="s">
        <v>33</v>
      </c>
      <c r="F23" s="128" t="s">
        <v>41</v>
      </c>
      <c r="G23" s="128" t="s">
        <v>42</v>
      </c>
      <c r="H23" s="130" t="s">
        <v>44</v>
      </c>
      <c r="I23" s="131"/>
      <c r="J23" s="131"/>
      <c r="K23" s="132" t="s">
        <v>53</v>
      </c>
      <c r="L23" s="123"/>
      <c r="M23" s="123"/>
      <c r="N23" s="49"/>
      <c r="O23" s="49"/>
      <c r="P23" s="49"/>
    </row>
    <row r="24" spans="1:62" s="38" customFormat="1" ht="22.5" customHeight="1" x14ac:dyDescent="0.25">
      <c r="A24" s="129"/>
      <c r="B24" s="129"/>
      <c r="C24" s="129"/>
      <c r="D24" s="129"/>
      <c r="E24" s="129"/>
      <c r="F24" s="129"/>
      <c r="G24" s="129"/>
      <c r="H24" s="50" t="s">
        <v>27</v>
      </c>
      <c r="I24" s="51" t="s">
        <v>28</v>
      </c>
      <c r="J24" s="95" t="s">
        <v>29</v>
      </c>
      <c r="K24" s="133"/>
      <c r="L24" s="97"/>
      <c r="M24" s="97"/>
      <c r="N24" s="49"/>
      <c r="O24" s="49"/>
      <c r="P24" s="49"/>
    </row>
    <row r="25" spans="1:62" s="39" customFormat="1" ht="14.1" customHeight="1" x14ac:dyDescent="0.25">
      <c r="A25" s="91" t="s">
        <v>0</v>
      </c>
      <c r="B25" s="67" t="s">
        <v>12</v>
      </c>
      <c r="C25" s="67" t="s">
        <v>13</v>
      </c>
      <c r="D25" s="121" t="s">
        <v>14</v>
      </c>
      <c r="E25" s="120" t="s">
        <v>15</v>
      </c>
      <c r="F25" s="68" t="s">
        <v>16</v>
      </c>
      <c r="G25" s="52" t="s">
        <v>17</v>
      </c>
      <c r="H25" s="69" t="s">
        <v>18</v>
      </c>
      <c r="I25" s="70" t="s">
        <v>19</v>
      </c>
      <c r="J25" s="96" t="s">
        <v>35</v>
      </c>
      <c r="K25" s="99" t="s">
        <v>36</v>
      </c>
      <c r="L25" s="119"/>
      <c r="M25" s="119"/>
      <c r="N25" s="71"/>
      <c r="O25" s="71"/>
      <c r="P25" s="71"/>
      <c r="Q25" s="48"/>
      <c r="R25" s="48"/>
      <c r="S25" s="48"/>
      <c r="T25" s="48"/>
      <c r="U25" s="48"/>
      <c r="V25" s="48"/>
      <c r="W25" s="48"/>
      <c r="X25" s="48"/>
      <c r="Y25" s="48"/>
      <c r="Z25" s="48"/>
      <c r="AA25" s="48"/>
      <c r="AB25" s="48"/>
      <c r="AC25" s="48"/>
      <c r="AD25" s="48"/>
      <c r="AE25" s="48"/>
      <c r="AF25" s="48"/>
      <c r="AG25" s="48"/>
      <c r="AH25" s="48"/>
      <c r="AI25" s="48"/>
      <c r="AJ25" s="48"/>
      <c r="AK25" s="48"/>
      <c r="AL25" s="48"/>
      <c r="AM25" s="48"/>
      <c r="AN25" s="48"/>
      <c r="AO25" s="48"/>
      <c r="AP25" s="48"/>
      <c r="AQ25" s="48"/>
      <c r="AR25" s="48"/>
      <c r="AS25" s="48"/>
      <c r="AT25" s="48"/>
      <c r="AU25" s="48"/>
      <c r="AV25" s="48"/>
      <c r="AW25" s="48"/>
      <c r="AX25" s="48"/>
      <c r="AY25" s="48"/>
      <c r="AZ25" s="48"/>
      <c r="BA25" s="48"/>
      <c r="BB25" s="48"/>
      <c r="BC25" s="48"/>
      <c r="BD25" s="48"/>
      <c r="BE25" s="48"/>
      <c r="BF25" s="48"/>
      <c r="BG25" s="48"/>
      <c r="BH25" s="48"/>
      <c r="BI25" s="48"/>
      <c r="BJ25" s="48"/>
    </row>
    <row r="26" spans="1:62" s="40" customFormat="1" ht="33" customHeight="1" x14ac:dyDescent="0.25">
      <c r="A26" s="90" t="s">
        <v>0</v>
      </c>
      <c r="B26" s="72"/>
      <c r="C26" s="73"/>
      <c r="D26" s="88"/>
      <c r="E26" s="88"/>
      <c r="F26" s="88"/>
      <c r="G26" s="88"/>
      <c r="H26" s="104"/>
      <c r="I26" s="106"/>
      <c r="J26" s="105"/>
      <c r="K26" s="144" t="s">
        <v>65</v>
      </c>
      <c r="L26" s="98"/>
      <c r="M26" s="98"/>
      <c r="N26" s="53"/>
      <c r="O26" s="53"/>
      <c r="P26" s="53"/>
    </row>
    <row r="27" spans="1:62" s="40" customFormat="1" ht="33" customHeight="1" x14ac:dyDescent="0.25">
      <c r="A27" s="89" t="s">
        <v>12</v>
      </c>
      <c r="B27" s="74"/>
      <c r="C27" s="75"/>
      <c r="D27" s="89"/>
      <c r="E27" s="89"/>
      <c r="F27" s="89"/>
      <c r="G27" s="90"/>
      <c r="H27" s="104"/>
      <c r="I27" s="106"/>
      <c r="J27" s="105"/>
      <c r="K27" s="145"/>
      <c r="L27" s="98"/>
      <c r="M27" s="98"/>
      <c r="N27" s="53"/>
      <c r="O27" s="53"/>
      <c r="P27" s="53"/>
    </row>
    <row r="28" spans="1:62" s="40" customFormat="1" ht="33" customHeight="1" x14ac:dyDescent="0.25">
      <c r="A28" s="92" t="s">
        <v>13</v>
      </c>
      <c r="B28" s="93"/>
      <c r="C28" s="94"/>
      <c r="D28" s="92"/>
      <c r="E28" s="92"/>
      <c r="F28" s="92"/>
      <c r="G28" s="92"/>
      <c r="H28" s="107"/>
      <c r="I28" s="112"/>
      <c r="J28" s="113"/>
      <c r="K28" s="146"/>
      <c r="L28" s="98"/>
      <c r="M28" s="98"/>
      <c r="N28" s="53"/>
      <c r="O28" s="53"/>
      <c r="P28" s="53"/>
    </row>
    <row r="29" spans="1:62" s="13" customFormat="1" ht="15.75" customHeight="1" x14ac:dyDescent="0.2">
      <c r="A29" s="23"/>
      <c r="B29" s="23"/>
      <c r="C29" s="10"/>
      <c r="D29" s="41"/>
      <c r="F29" s="14"/>
      <c r="G29" s="14"/>
      <c r="H29" s="14"/>
      <c r="I29" s="14"/>
      <c r="J29" s="26"/>
      <c r="K29" s="26"/>
      <c r="L29" s="26"/>
      <c r="M29" s="26"/>
    </row>
    <row r="30" spans="1:62" s="47" customFormat="1" ht="29.25" customHeight="1" x14ac:dyDescent="0.25">
      <c r="A30" s="127" t="s">
        <v>62</v>
      </c>
      <c r="B30" s="127"/>
      <c r="C30" s="127"/>
      <c r="D30" s="127"/>
      <c r="E30" s="127"/>
      <c r="F30" s="127"/>
      <c r="G30" s="127"/>
      <c r="H30" s="127"/>
      <c r="I30" s="127"/>
      <c r="J30" s="127"/>
      <c r="K30" s="127"/>
      <c r="L30" s="66"/>
      <c r="M30" s="66"/>
      <c r="N30" s="66"/>
      <c r="O30" s="66"/>
      <c r="P30" s="66"/>
    </row>
    <row r="31" spans="1:62" s="38" customFormat="1" ht="33" customHeight="1" x14ac:dyDescent="0.25">
      <c r="A31" s="128" t="s">
        <v>25</v>
      </c>
      <c r="B31" s="128" t="s">
        <v>39</v>
      </c>
      <c r="C31" s="128" t="s">
        <v>40</v>
      </c>
      <c r="D31" s="128" t="s">
        <v>31</v>
      </c>
      <c r="E31" s="128" t="s">
        <v>33</v>
      </c>
      <c r="F31" s="128" t="s">
        <v>41</v>
      </c>
      <c r="G31" s="128" t="s">
        <v>42</v>
      </c>
      <c r="H31" s="130" t="s">
        <v>44</v>
      </c>
      <c r="I31" s="131"/>
      <c r="J31" s="131"/>
      <c r="K31" s="132" t="s">
        <v>53</v>
      </c>
      <c r="L31" s="123"/>
      <c r="M31" s="123"/>
      <c r="N31" s="49"/>
      <c r="O31" s="49"/>
      <c r="P31" s="49"/>
    </row>
    <row r="32" spans="1:62" s="38" customFormat="1" ht="22.5" customHeight="1" x14ac:dyDescent="0.25">
      <c r="A32" s="129"/>
      <c r="B32" s="129"/>
      <c r="C32" s="129"/>
      <c r="D32" s="129"/>
      <c r="E32" s="129"/>
      <c r="F32" s="129"/>
      <c r="G32" s="129"/>
      <c r="H32" s="50" t="s">
        <v>27</v>
      </c>
      <c r="I32" s="51" t="s">
        <v>28</v>
      </c>
      <c r="J32" s="95" t="s">
        <v>29</v>
      </c>
      <c r="K32" s="133"/>
      <c r="L32" s="97"/>
      <c r="M32" s="97"/>
      <c r="N32" s="49"/>
      <c r="O32" s="49"/>
      <c r="P32" s="49"/>
    </row>
    <row r="33" spans="1:62" s="39" customFormat="1" ht="14.1" customHeight="1" x14ac:dyDescent="0.25">
      <c r="A33" s="91" t="s">
        <v>0</v>
      </c>
      <c r="B33" s="67" t="s">
        <v>12</v>
      </c>
      <c r="C33" s="67" t="s">
        <v>13</v>
      </c>
      <c r="D33" s="121" t="s">
        <v>14</v>
      </c>
      <c r="E33" s="120" t="s">
        <v>15</v>
      </c>
      <c r="F33" s="68" t="s">
        <v>16</v>
      </c>
      <c r="G33" s="52" t="s">
        <v>17</v>
      </c>
      <c r="H33" s="69" t="s">
        <v>18</v>
      </c>
      <c r="I33" s="70" t="s">
        <v>19</v>
      </c>
      <c r="J33" s="96" t="s">
        <v>35</v>
      </c>
      <c r="K33" s="99" t="s">
        <v>36</v>
      </c>
      <c r="L33" s="119"/>
      <c r="M33" s="119"/>
      <c r="N33" s="71"/>
      <c r="O33" s="71"/>
      <c r="P33" s="71"/>
      <c r="Q33" s="48"/>
      <c r="R33" s="48"/>
      <c r="S33" s="48"/>
      <c r="T33" s="48"/>
      <c r="U33" s="48"/>
      <c r="V33" s="48"/>
      <c r="W33" s="48"/>
      <c r="X33" s="48"/>
      <c r="Y33" s="48"/>
      <c r="Z33" s="48"/>
      <c r="AA33" s="48"/>
      <c r="AB33" s="48"/>
      <c r="AC33" s="48"/>
      <c r="AD33" s="48"/>
      <c r="AE33" s="48"/>
      <c r="AF33" s="48"/>
      <c r="AG33" s="48"/>
      <c r="AH33" s="48"/>
      <c r="AI33" s="48"/>
      <c r="AJ33" s="48"/>
      <c r="AK33" s="48"/>
      <c r="AL33" s="48"/>
      <c r="AM33" s="48"/>
      <c r="AN33" s="48"/>
      <c r="AO33" s="48"/>
      <c r="AP33" s="48"/>
      <c r="AQ33" s="48"/>
      <c r="AR33" s="48"/>
      <c r="AS33" s="48"/>
      <c r="AT33" s="48"/>
      <c r="AU33" s="48"/>
      <c r="AV33" s="48"/>
      <c r="AW33" s="48"/>
      <c r="AX33" s="48"/>
      <c r="AY33" s="48"/>
      <c r="AZ33" s="48"/>
      <c r="BA33" s="48"/>
      <c r="BB33" s="48"/>
      <c r="BC33" s="48"/>
      <c r="BD33" s="48"/>
      <c r="BE33" s="48"/>
      <c r="BF33" s="48"/>
      <c r="BG33" s="48"/>
      <c r="BH33" s="48"/>
      <c r="BI33" s="48"/>
      <c r="BJ33" s="48"/>
    </row>
    <row r="34" spans="1:62" s="40" customFormat="1" ht="33" customHeight="1" x14ac:dyDescent="0.25">
      <c r="A34" s="90" t="s">
        <v>0</v>
      </c>
      <c r="B34" s="72"/>
      <c r="C34" s="73"/>
      <c r="D34" s="88"/>
      <c r="E34" s="88"/>
      <c r="F34" s="88"/>
      <c r="G34" s="88"/>
      <c r="H34" s="104"/>
      <c r="I34" s="106"/>
      <c r="J34" s="105"/>
      <c r="K34" s="124">
        <v>790</v>
      </c>
      <c r="L34" s="98"/>
      <c r="M34" s="98"/>
      <c r="N34" s="53"/>
      <c r="O34" s="53"/>
      <c r="P34" s="53"/>
    </row>
    <row r="35" spans="1:62" s="40" customFormat="1" ht="33" customHeight="1" x14ac:dyDescent="0.25">
      <c r="A35" s="89" t="s">
        <v>12</v>
      </c>
      <c r="B35" s="74"/>
      <c r="C35" s="75"/>
      <c r="D35" s="89"/>
      <c r="E35" s="89"/>
      <c r="F35" s="89"/>
      <c r="G35" s="90"/>
      <c r="H35" s="104"/>
      <c r="I35" s="106"/>
      <c r="J35" s="105"/>
      <c r="K35" s="125"/>
      <c r="L35" s="98"/>
      <c r="M35" s="98"/>
      <c r="N35" s="53"/>
      <c r="O35" s="53"/>
      <c r="P35" s="53"/>
    </row>
    <row r="36" spans="1:62" s="40" customFormat="1" ht="33" customHeight="1" x14ac:dyDescent="0.25">
      <c r="A36" s="92" t="s">
        <v>13</v>
      </c>
      <c r="B36" s="93"/>
      <c r="C36" s="94"/>
      <c r="D36" s="92"/>
      <c r="E36" s="92"/>
      <c r="F36" s="92"/>
      <c r="G36" s="92"/>
      <c r="H36" s="107"/>
      <c r="I36" s="112"/>
      <c r="J36" s="113"/>
      <c r="K36" s="126"/>
      <c r="L36" s="98"/>
      <c r="M36" s="98"/>
      <c r="N36" s="53"/>
      <c r="O36" s="53"/>
      <c r="P36" s="53"/>
    </row>
    <row r="37" spans="1:62" s="13" customFormat="1" ht="15.75" customHeight="1" x14ac:dyDescent="0.2">
      <c r="A37" s="23"/>
      <c r="B37" s="23"/>
      <c r="C37" s="10"/>
      <c r="D37" s="41"/>
      <c r="F37" s="14"/>
      <c r="G37" s="14"/>
      <c r="H37" s="14"/>
      <c r="I37" s="14"/>
      <c r="J37" s="26"/>
      <c r="K37" s="26"/>
      <c r="L37" s="26"/>
      <c r="M37" s="26"/>
    </row>
    <row r="38" spans="1:62" s="47" customFormat="1" ht="29.25" customHeight="1" x14ac:dyDescent="0.25">
      <c r="A38" s="127" t="s">
        <v>63</v>
      </c>
      <c r="B38" s="127"/>
      <c r="C38" s="127"/>
      <c r="D38" s="127"/>
      <c r="E38" s="127"/>
      <c r="F38" s="127"/>
      <c r="G38" s="127"/>
      <c r="H38" s="127"/>
      <c r="I38" s="127"/>
      <c r="J38" s="127"/>
      <c r="K38" s="127"/>
      <c r="L38" s="66"/>
      <c r="M38" s="66"/>
      <c r="N38" s="66"/>
      <c r="O38" s="66"/>
      <c r="P38" s="66"/>
    </row>
    <row r="39" spans="1:62" s="38" customFormat="1" ht="33" customHeight="1" x14ac:dyDescent="0.25">
      <c r="A39" s="128" t="s">
        <v>25</v>
      </c>
      <c r="B39" s="128" t="s">
        <v>39</v>
      </c>
      <c r="C39" s="128" t="s">
        <v>40</v>
      </c>
      <c r="D39" s="128" t="s">
        <v>31</v>
      </c>
      <c r="E39" s="128" t="s">
        <v>33</v>
      </c>
      <c r="F39" s="128" t="s">
        <v>41</v>
      </c>
      <c r="G39" s="128" t="s">
        <v>42</v>
      </c>
      <c r="H39" s="130" t="s">
        <v>44</v>
      </c>
      <c r="I39" s="131"/>
      <c r="J39" s="131"/>
      <c r="K39" s="132" t="s">
        <v>53</v>
      </c>
      <c r="L39" s="123"/>
      <c r="M39" s="123"/>
      <c r="N39" s="49"/>
      <c r="O39" s="49"/>
      <c r="P39" s="49"/>
    </row>
    <row r="40" spans="1:62" s="38" customFormat="1" ht="22.5" customHeight="1" x14ac:dyDescent="0.25">
      <c r="A40" s="129"/>
      <c r="B40" s="129"/>
      <c r="C40" s="129"/>
      <c r="D40" s="129"/>
      <c r="E40" s="129"/>
      <c r="F40" s="129"/>
      <c r="G40" s="129"/>
      <c r="H40" s="50" t="s">
        <v>27</v>
      </c>
      <c r="I40" s="51" t="s">
        <v>28</v>
      </c>
      <c r="J40" s="95" t="s">
        <v>29</v>
      </c>
      <c r="K40" s="133"/>
      <c r="L40" s="97"/>
      <c r="M40" s="97"/>
      <c r="N40" s="49"/>
      <c r="O40" s="49"/>
      <c r="P40" s="49"/>
    </row>
    <row r="41" spans="1:62" s="39" customFormat="1" ht="14.1" customHeight="1" x14ac:dyDescent="0.25">
      <c r="A41" s="91" t="s">
        <v>0</v>
      </c>
      <c r="B41" s="67" t="s">
        <v>12</v>
      </c>
      <c r="C41" s="67" t="s">
        <v>13</v>
      </c>
      <c r="D41" s="121" t="s">
        <v>14</v>
      </c>
      <c r="E41" s="120" t="s">
        <v>15</v>
      </c>
      <c r="F41" s="68" t="s">
        <v>16</v>
      </c>
      <c r="G41" s="52" t="s">
        <v>17</v>
      </c>
      <c r="H41" s="69" t="s">
        <v>18</v>
      </c>
      <c r="I41" s="70" t="s">
        <v>19</v>
      </c>
      <c r="J41" s="96" t="s">
        <v>35</v>
      </c>
      <c r="K41" s="99" t="s">
        <v>36</v>
      </c>
      <c r="L41" s="119"/>
      <c r="M41" s="119"/>
      <c r="N41" s="71"/>
      <c r="O41" s="71"/>
      <c r="P41" s="71"/>
      <c r="Q41" s="48"/>
      <c r="R41" s="48"/>
      <c r="S41" s="48"/>
      <c r="T41" s="48"/>
      <c r="U41" s="48"/>
      <c r="V41" s="48"/>
      <c r="W41" s="48"/>
      <c r="X41" s="48"/>
      <c r="Y41" s="48"/>
      <c r="Z41" s="48"/>
      <c r="AA41" s="48"/>
      <c r="AB41" s="48"/>
      <c r="AC41" s="48"/>
      <c r="AD41" s="48"/>
      <c r="AE41" s="48"/>
      <c r="AF41" s="48"/>
      <c r="AG41" s="48"/>
      <c r="AH41" s="48"/>
      <c r="AI41" s="48"/>
      <c r="AJ41" s="48"/>
      <c r="AK41" s="48"/>
      <c r="AL41" s="48"/>
      <c r="AM41" s="48"/>
      <c r="AN41" s="48"/>
      <c r="AO41" s="48"/>
      <c r="AP41" s="48"/>
      <c r="AQ41" s="48"/>
      <c r="AR41" s="48"/>
      <c r="AS41" s="48"/>
      <c r="AT41" s="48"/>
      <c r="AU41" s="48"/>
      <c r="AV41" s="48"/>
      <c r="AW41" s="48"/>
      <c r="AX41" s="48"/>
      <c r="AY41" s="48"/>
      <c r="AZ41" s="48"/>
      <c r="BA41" s="48"/>
      <c r="BB41" s="48"/>
      <c r="BC41" s="48"/>
      <c r="BD41" s="48"/>
      <c r="BE41" s="48"/>
      <c r="BF41" s="48"/>
      <c r="BG41" s="48"/>
      <c r="BH41" s="48"/>
      <c r="BI41" s="48"/>
      <c r="BJ41" s="48"/>
    </row>
    <row r="42" spans="1:62" s="40" customFormat="1" ht="33" customHeight="1" x14ac:dyDescent="0.25">
      <c r="A42" s="90" t="s">
        <v>0</v>
      </c>
      <c r="B42" s="72"/>
      <c r="C42" s="73"/>
      <c r="D42" s="88"/>
      <c r="E42" s="88"/>
      <c r="F42" s="88"/>
      <c r="G42" s="88"/>
      <c r="H42" s="104"/>
      <c r="I42" s="106"/>
      <c r="J42" s="105"/>
      <c r="K42" s="124">
        <v>1700</v>
      </c>
      <c r="L42" s="98"/>
      <c r="M42" s="98"/>
      <c r="N42" s="53"/>
      <c r="O42" s="53"/>
      <c r="P42" s="53"/>
    </row>
    <row r="43" spans="1:62" s="40" customFormat="1" ht="33" customHeight="1" x14ac:dyDescent="0.25">
      <c r="A43" s="89" t="s">
        <v>12</v>
      </c>
      <c r="B43" s="74"/>
      <c r="C43" s="75"/>
      <c r="D43" s="89"/>
      <c r="E43" s="89"/>
      <c r="F43" s="89"/>
      <c r="G43" s="90"/>
      <c r="H43" s="104"/>
      <c r="I43" s="106"/>
      <c r="J43" s="105"/>
      <c r="K43" s="125"/>
      <c r="L43" s="98"/>
      <c r="M43" s="98"/>
      <c r="N43" s="53"/>
      <c r="O43" s="53"/>
      <c r="P43" s="53"/>
    </row>
    <row r="44" spans="1:62" s="40" customFormat="1" ht="33" customHeight="1" x14ac:dyDescent="0.25">
      <c r="A44" s="92" t="s">
        <v>13</v>
      </c>
      <c r="B44" s="93"/>
      <c r="C44" s="94"/>
      <c r="D44" s="92"/>
      <c r="E44" s="92"/>
      <c r="F44" s="92"/>
      <c r="G44" s="92"/>
      <c r="H44" s="107"/>
      <c r="I44" s="112"/>
      <c r="J44" s="113"/>
      <c r="K44" s="126"/>
      <c r="L44" s="98"/>
      <c r="M44" s="98"/>
      <c r="N44" s="53"/>
      <c r="O44" s="53"/>
      <c r="P44" s="53"/>
    </row>
    <row r="45" spans="1:62" s="13" customFormat="1" ht="15.75" customHeight="1" x14ac:dyDescent="0.2">
      <c r="A45" s="23"/>
      <c r="B45" s="23"/>
      <c r="C45" s="10"/>
      <c r="D45" s="41"/>
      <c r="F45" s="14"/>
      <c r="G45" s="14"/>
      <c r="H45" s="14"/>
      <c r="I45" s="14"/>
      <c r="J45" s="26"/>
      <c r="K45" s="26"/>
      <c r="L45" s="26"/>
      <c r="M45" s="26"/>
    </row>
    <row r="46" spans="1:62" s="47" customFormat="1" ht="29.25" customHeight="1" x14ac:dyDescent="0.25">
      <c r="A46" s="127" t="s">
        <v>64</v>
      </c>
      <c r="B46" s="127"/>
      <c r="C46" s="127"/>
      <c r="D46" s="127"/>
      <c r="E46" s="127"/>
      <c r="F46" s="127"/>
      <c r="G46" s="127"/>
      <c r="H46" s="127"/>
      <c r="I46" s="127"/>
      <c r="J46" s="127"/>
      <c r="K46" s="127"/>
      <c r="L46" s="66"/>
      <c r="M46" s="66"/>
      <c r="N46" s="66"/>
      <c r="O46" s="66"/>
      <c r="P46" s="66"/>
    </row>
    <row r="47" spans="1:62" s="38" customFormat="1" ht="33" customHeight="1" x14ac:dyDescent="0.25">
      <c r="A47" s="128" t="s">
        <v>25</v>
      </c>
      <c r="B47" s="128" t="s">
        <v>39</v>
      </c>
      <c r="C47" s="128" t="s">
        <v>40</v>
      </c>
      <c r="D47" s="128" t="s">
        <v>31</v>
      </c>
      <c r="E47" s="128" t="s">
        <v>33</v>
      </c>
      <c r="F47" s="128" t="s">
        <v>41</v>
      </c>
      <c r="G47" s="128" t="s">
        <v>42</v>
      </c>
      <c r="H47" s="130" t="s">
        <v>44</v>
      </c>
      <c r="I47" s="131"/>
      <c r="J47" s="131"/>
      <c r="K47" s="132" t="s">
        <v>53</v>
      </c>
      <c r="L47" s="123"/>
      <c r="M47" s="123"/>
      <c r="N47" s="49"/>
      <c r="O47" s="49"/>
      <c r="P47" s="49"/>
    </row>
    <row r="48" spans="1:62" s="38" customFormat="1" ht="22.5" customHeight="1" x14ac:dyDescent="0.25">
      <c r="A48" s="129"/>
      <c r="B48" s="129"/>
      <c r="C48" s="129"/>
      <c r="D48" s="129"/>
      <c r="E48" s="129"/>
      <c r="F48" s="129"/>
      <c r="G48" s="129"/>
      <c r="H48" s="50" t="s">
        <v>27</v>
      </c>
      <c r="I48" s="51" t="s">
        <v>28</v>
      </c>
      <c r="J48" s="95" t="s">
        <v>29</v>
      </c>
      <c r="K48" s="133"/>
      <c r="L48" s="97"/>
      <c r="M48" s="97"/>
      <c r="N48" s="49"/>
      <c r="O48" s="49"/>
      <c r="P48" s="49"/>
    </row>
    <row r="49" spans="1:62" s="39" customFormat="1" ht="14.1" customHeight="1" x14ac:dyDescent="0.25">
      <c r="A49" s="91" t="s">
        <v>0</v>
      </c>
      <c r="B49" s="67" t="s">
        <v>12</v>
      </c>
      <c r="C49" s="67" t="s">
        <v>13</v>
      </c>
      <c r="D49" s="121" t="s">
        <v>14</v>
      </c>
      <c r="E49" s="120" t="s">
        <v>15</v>
      </c>
      <c r="F49" s="68" t="s">
        <v>16</v>
      </c>
      <c r="G49" s="52" t="s">
        <v>17</v>
      </c>
      <c r="H49" s="69" t="s">
        <v>18</v>
      </c>
      <c r="I49" s="70" t="s">
        <v>19</v>
      </c>
      <c r="J49" s="96" t="s">
        <v>35</v>
      </c>
      <c r="K49" s="99" t="s">
        <v>36</v>
      </c>
      <c r="L49" s="119"/>
      <c r="M49" s="119"/>
      <c r="N49" s="71"/>
      <c r="O49" s="71"/>
      <c r="P49" s="71"/>
      <c r="Q49" s="48"/>
      <c r="R49" s="48"/>
      <c r="S49" s="48"/>
      <c r="T49" s="48"/>
      <c r="U49" s="48"/>
      <c r="V49" s="48"/>
      <c r="W49" s="48"/>
      <c r="X49" s="48"/>
      <c r="Y49" s="48"/>
      <c r="Z49" s="48"/>
      <c r="AA49" s="48"/>
      <c r="AB49" s="48"/>
      <c r="AC49" s="48"/>
      <c r="AD49" s="48"/>
      <c r="AE49" s="48"/>
      <c r="AF49" s="48"/>
      <c r="AG49" s="48"/>
      <c r="AH49" s="48"/>
      <c r="AI49" s="48"/>
      <c r="AJ49" s="48"/>
      <c r="AK49" s="48"/>
      <c r="AL49" s="48"/>
      <c r="AM49" s="48"/>
      <c r="AN49" s="48"/>
      <c r="AO49" s="48"/>
      <c r="AP49" s="48"/>
      <c r="AQ49" s="48"/>
      <c r="AR49" s="48"/>
      <c r="AS49" s="48"/>
      <c r="AT49" s="48"/>
      <c r="AU49" s="48"/>
      <c r="AV49" s="48"/>
      <c r="AW49" s="48"/>
      <c r="AX49" s="48"/>
      <c r="AY49" s="48"/>
      <c r="AZ49" s="48"/>
      <c r="BA49" s="48"/>
      <c r="BB49" s="48"/>
      <c r="BC49" s="48"/>
      <c r="BD49" s="48"/>
      <c r="BE49" s="48"/>
      <c r="BF49" s="48"/>
      <c r="BG49" s="48"/>
      <c r="BH49" s="48"/>
      <c r="BI49" s="48"/>
      <c r="BJ49" s="48"/>
    </row>
    <row r="50" spans="1:62" s="40" customFormat="1" ht="33" customHeight="1" x14ac:dyDescent="0.25">
      <c r="A50" s="90" t="s">
        <v>0</v>
      </c>
      <c r="B50" s="72"/>
      <c r="C50" s="73"/>
      <c r="D50" s="88"/>
      <c r="E50" s="88"/>
      <c r="F50" s="88"/>
      <c r="G50" s="88"/>
      <c r="H50" s="104"/>
      <c r="I50" s="106"/>
      <c r="J50" s="105"/>
      <c r="K50" s="115"/>
      <c r="L50" s="98"/>
      <c r="M50" s="98"/>
      <c r="N50" s="53"/>
      <c r="O50" s="53"/>
      <c r="P50" s="53"/>
    </row>
    <row r="51" spans="1:62" s="40" customFormat="1" ht="33" customHeight="1" x14ac:dyDescent="0.25">
      <c r="A51" s="89" t="s">
        <v>12</v>
      </c>
      <c r="B51" s="74"/>
      <c r="C51" s="75"/>
      <c r="D51" s="89"/>
      <c r="E51" s="89"/>
      <c r="F51" s="89"/>
      <c r="G51" s="90"/>
      <c r="H51" s="104"/>
      <c r="I51" s="106"/>
      <c r="J51" s="105"/>
      <c r="K51" s="116" t="s">
        <v>66</v>
      </c>
      <c r="L51" s="98"/>
      <c r="M51" s="98"/>
      <c r="N51" s="53"/>
      <c r="O51" s="53"/>
      <c r="P51" s="53"/>
    </row>
    <row r="52" spans="1:62" s="40" customFormat="1" ht="33" customHeight="1" x14ac:dyDescent="0.25">
      <c r="A52" s="92" t="s">
        <v>13</v>
      </c>
      <c r="B52" s="93"/>
      <c r="C52" s="94"/>
      <c r="D52" s="92"/>
      <c r="E52" s="92"/>
      <c r="F52" s="92"/>
      <c r="G52" s="92"/>
      <c r="H52" s="107"/>
      <c r="I52" s="112"/>
      <c r="J52" s="113"/>
      <c r="K52" s="117"/>
      <c r="L52" s="98"/>
      <c r="M52" s="98"/>
      <c r="N52" s="53"/>
      <c r="O52" s="53"/>
      <c r="P52" s="53"/>
    </row>
    <row r="53" spans="1:62" s="13" customFormat="1" ht="15.75" customHeight="1" x14ac:dyDescent="0.2">
      <c r="A53" s="23"/>
      <c r="B53" s="23"/>
      <c r="C53" s="10"/>
      <c r="D53" s="41"/>
      <c r="F53" s="14"/>
      <c r="G53" s="14"/>
      <c r="H53" s="14"/>
      <c r="I53" s="14"/>
      <c r="J53" s="26"/>
      <c r="K53" s="26"/>
      <c r="L53" s="26"/>
      <c r="M53" s="26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6"/>
      <c r="B55" s="77"/>
      <c r="C55" s="77"/>
      <c r="D55" s="76"/>
      <c r="E55" s="76"/>
      <c r="F55" s="76"/>
      <c r="G55" s="76"/>
      <c r="H55" s="76"/>
      <c r="I55" s="78"/>
      <c r="J55" s="79"/>
      <c r="K55" s="78"/>
      <c r="L55" s="80"/>
      <c r="M55" s="53"/>
      <c r="N55" s="53"/>
      <c r="O55" s="53"/>
      <c r="P55" s="53"/>
    </row>
    <row r="56" spans="1:62" s="18" customFormat="1" ht="20.100000000000001" customHeight="1" x14ac:dyDescent="0.2">
      <c r="A56" s="42" t="s">
        <v>3</v>
      </c>
      <c r="B56" s="42"/>
      <c r="C56" s="143"/>
      <c r="D56" s="143"/>
      <c r="E56" s="25"/>
      <c r="F56" s="17"/>
      <c r="G56" s="17"/>
      <c r="H56" s="17"/>
      <c r="I56" s="17"/>
      <c r="J56" s="17"/>
      <c r="K56" s="26"/>
      <c r="L56" s="26"/>
    </row>
    <row r="57" spans="1:62" s="18" customFormat="1" ht="20.100000000000001" customHeight="1" x14ac:dyDescent="0.2">
      <c r="A57" s="42" t="s">
        <v>4</v>
      </c>
      <c r="B57" s="42"/>
      <c r="C57" s="138"/>
      <c r="D57" s="138"/>
      <c r="E57" s="20"/>
      <c r="F57" s="17"/>
      <c r="G57" s="17"/>
      <c r="H57" s="17"/>
      <c r="I57" s="17"/>
      <c r="J57" s="17"/>
      <c r="K57" s="21"/>
      <c r="L57" s="22"/>
    </row>
    <row r="58" spans="1:62" s="18" customFormat="1" ht="20.100000000000001" customHeight="1" x14ac:dyDescent="0.2">
      <c r="A58" s="42" t="s">
        <v>5</v>
      </c>
      <c r="B58" s="42"/>
      <c r="C58" s="138"/>
      <c r="D58" s="138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5">
      <c r="A59" s="42"/>
      <c r="B59" s="42"/>
      <c r="C59" s="42"/>
      <c r="D59" s="19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">
      <c r="A60" s="42" t="s">
        <v>6</v>
      </c>
      <c r="B60" s="42"/>
      <c r="C60" s="143"/>
      <c r="D60" s="143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7</v>
      </c>
      <c r="B61" s="42"/>
      <c r="C61" s="138"/>
      <c r="D61" s="138"/>
      <c r="E61" s="20"/>
      <c r="F61" s="17"/>
      <c r="G61" s="27" t="s">
        <v>20</v>
      </c>
      <c r="H61" s="141"/>
      <c r="I61" s="141"/>
      <c r="J61" s="17"/>
      <c r="K61" s="21"/>
      <c r="L61" s="22"/>
    </row>
    <row r="62" spans="1:62" s="18" customFormat="1" ht="20.100000000000001" customHeight="1" x14ac:dyDescent="0.2">
      <c r="A62" s="42" t="s">
        <v>8</v>
      </c>
      <c r="B62" s="42"/>
      <c r="C62" s="138"/>
      <c r="D62" s="138"/>
      <c r="E62" s="20"/>
      <c r="F62" s="17"/>
      <c r="G62" s="28"/>
      <c r="H62" s="29"/>
      <c r="I62" s="29"/>
    </row>
    <row r="63" spans="1:62" s="18" customFormat="1" ht="20.100000000000001" customHeight="1" x14ac:dyDescent="0.25">
      <c r="A63" s="19"/>
      <c r="B63" s="19"/>
      <c r="C63" s="19"/>
      <c r="D63" s="20"/>
      <c r="E63" s="20"/>
      <c r="F63" s="17"/>
      <c r="G63" s="30" t="s">
        <v>21</v>
      </c>
      <c r="H63" s="142"/>
      <c r="I63" s="142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2</v>
      </c>
      <c r="H64" s="140"/>
      <c r="I64" s="140"/>
    </row>
    <row r="65" spans="1:13" s="13" customFormat="1" ht="20.100000000000001" customHeight="1" x14ac:dyDescent="0.2">
      <c r="A65" s="10" t="s">
        <v>2</v>
      </c>
      <c r="B65" s="138"/>
      <c r="C65" s="138"/>
      <c r="D65" s="11"/>
      <c r="E65" s="11"/>
      <c r="F65" s="14"/>
      <c r="G65" s="31" t="s">
        <v>23</v>
      </c>
      <c r="H65" s="28"/>
      <c r="I65" s="32"/>
      <c r="M65" s="10"/>
    </row>
    <row r="66" spans="1:13" s="13" customFormat="1" ht="20.100000000000001" customHeight="1" x14ac:dyDescent="0.2">
      <c r="A66" s="10" t="s">
        <v>1</v>
      </c>
      <c r="B66" s="139"/>
      <c r="C66" s="139"/>
      <c r="D66" s="11"/>
      <c r="E66" s="11"/>
      <c r="F66" s="14"/>
      <c r="G66" s="14"/>
      <c r="H66" s="14"/>
      <c r="I66" s="14"/>
      <c r="M66" s="10"/>
    </row>
    <row r="67" spans="1:13" s="13" customFormat="1" x14ac:dyDescent="0.2">
      <c r="A67" s="10"/>
      <c r="B67" s="10"/>
      <c r="C67" s="10"/>
      <c r="D67" s="11"/>
      <c r="E67" s="11"/>
      <c r="F67" s="14"/>
      <c r="G67" s="14"/>
      <c r="H67" s="14"/>
      <c r="I67" s="14"/>
      <c r="J67" s="14"/>
      <c r="K67" s="12"/>
      <c r="L67" s="10"/>
      <c r="M67" s="10"/>
    </row>
    <row r="68" spans="1:13" s="13" customFormat="1" ht="15" customHeight="1" x14ac:dyDescent="0.2">
      <c r="A68" s="10"/>
      <c r="B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2" customFormat="1" x14ac:dyDescent="0.2">
      <c r="A69" s="137" t="s">
        <v>10</v>
      </c>
      <c r="B69" s="137"/>
      <c r="D69" s="3"/>
      <c r="E69" s="3"/>
      <c r="F69" s="4"/>
      <c r="G69" s="4"/>
      <c r="H69" s="4"/>
      <c r="I69" s="4"/>
      <c r="J69" s="4"/>
      <c r="K69" s="15"/>
    </row>
    <row r="70" spans="1:13" ht="14.25" x14ac:dyDescent="0.2">
      <c r="A70" s="33"/>
      <c r="B70" s="103" t="s">
        <v>11</v>
      </c>
    </row>
    <row r="71" spans="1:13" ht="6.75" customHeight="1" x14ac:dyDescent="0.2">
      <c r="A71" s="34"/>
      <c r="B71" s="35"/>
    </row>
  </sheetData>
  <mergeCells count="84">
    <mergeCell ref="A3:L3"/>
    <mergeCell ref="A4:M4"/>
    <mergeCell ref="A13:B13"/>
    <mergeCell ref="C5:C6"/>
    <mergeCell ref="D5:D6"/>
    <mergeCell ref="E5:E6"/>
    <mergeCell ref="F5:F6"/>
    <mergeCell ref="B5:B6"/>
    <mergeCell ref="G5:G6"/>
    <mergeCell ref="A1:M1"/>
    <mergeCell ref="H15:J15"/>
    <mergeCell ref="A14:K14"/>
    <mergeCell ref="C58:D58"/>
    <mergeCell ref="A15:A16"/>
    <mergeCell ref="B15:B16"/>
    <mergeCell ref="C15:C16"/>
    <mergeCell ref="D15:D16"/>
    <mergeCell ref="E15:E16"/>
    <mergeCell ref="F15:F16"/>
    <mergeCell ref="G15:G16"/>
    <mergeCell ref="C56:D56"/>
    <mergeCell ref="C57:D57"/>
    <mergeCell ref="A5:A6"/>
    <mergeCell ref="K26:K28"/>
    <mergeCell ref="A30:K30"/>
    <mergeCell ref="K15:K16"/>
    <mergeCell ref="L15:M15"/>
    <mergeCell ref="K18:K20"/>
    <mergeCell ref="K23:K24"/>
    <mergeCell ref="L23:M23"/>
    <mergeCell ref="A23:A24"/>
    <mergeCell ref="B23:B24"/>
    <mergeCell ref="C23:C24"/>
    <mergeCell ref="D23:D24"/>
    <mergeCell ref="E23:E24"/>
    <mergeCell ref="K31:K32"/>
    <mergeCell ref="I5:K5"/>
    <mergeCell ref="L5:M5"/>
    <mergeCell ref="A22:K22"/>
    <mergeCell ref="A69:B69"/>
    <mergeCell ref="B65:C65"/>
    <mergeCell ref="B66:C66"/>
    <mergeCell ref="H64:I64"/>
    <mergeCell ref="H61:I61"/>
    <mergeCell ref="H63:I63"/>
    <mergeCell ref="C60:D60"/>
    <mergeCell ref="C61:D61"/>
    <mergeCell ref="C62:D62"/>
    <mergeCell ref="F23:F24"/>
    <mergeCell ref="G23:G24"/>
    <mergeCell ref="H23:J23"/>
    <mergeCell ref="D31:D32"/>
    <mergeCell ref="E31:E32"/>
    <mergeCell ref="F31:F32"/>
    <mergeCell ref="G31:G32"/>
    <mergeCell ref="H31:J31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A31:A32"/>
    <mergeCell ref="B31:B32"/>
    <mergeCell ref="C31:C32"/>
    <mergeCell ref="L47:M47"/>
    <mergeCell ref="K42:K44"/>
    <mergeCell ref="A46:K46"/>
    <mergeCell ref="A47:A48"/>
    <mergeCell ref="B47:B48"/>
    <mergeCell ref="C47:C48"/>
    <mergeCell ref="D47:D48"/>
    <mergeCell ref="E47:E48"/>
    <mergeCell ref="F47:F48"/>
    <mergeCell ref="G47:G48"/>
    <mergeCell ref="H47:J47"/>
    <mergeCell ref="K47:K48"/>
  </mergeCells>
  <conditionalFormatting sqref="B65:C65">
    <cfRule type="containsBlanks" dxfId="5" priority="21">
      <formula>LEN(TRIM(B65))=0</formula>
    </cfRule>
  </conditionalFormatting>
  <conditionalFormatting sqref="B66:C66">
    <cfRule type="containsBlanks" dxfId="4" priority="20">
      <formula>LEN(TRIM(B66))=0</formula>
    </cfRule>
  </conditionalFormatting>
  <conditionalFormatting sqref="H63:I63">
    <cfRule type="containsBlanks" dxfId="3" priority="7">
      <formula>LEN(TRIM(H63))=0</formula>
    </cfRule>
  </conditionalFormatting>
  <conditionalFormatting sqref="H64:I64">
    <cfRule type="containsBlanks" dxfId="2" priority="6">
      <formula>LEN(TRIM(H64))=0</formula>
    </cfRule>
  </conditionalFormatting>
  <conditionalFormatting sqref="C56:D58">
    <cfRule type="containsBlanks" dxfId="1" priority="2">
      <formula>LEN(TRIM(C56))=0</formula>
    </cfRule>
  </conditionalFormatting>
  <conditionalFormatting sqref="C60:D62">
    <cfRule type="containsBlanks" dxfId="0" priority="1">
      <formula>LEN(TRIM(C60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  <ignoredErrors>
    <ignoredError sqref="D13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8-26T06:45:48Z</cp:lastPrinted>
  <dcterms:created xsi:type="dcterms:W3CDTF">2016-07-20T08:41:08Z</dcterms:created>
  <dcterms:modified xsi:type="dcterms:W3CDTF">2022-08-26T06:47:24Z</dcterms:modified>
</cp:coreProperties>
</file>